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terneuz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34EDBDBD-A27F-D2B1-18CF-22B41AA0D4B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05707" y="4916043"/>
            <a:ext cx="1532618" cy="171653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4EDBDBD-A27F-D2B1-18CF-22B41AA0D4B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1657" y="4060825"/>
            <a:ext cx="1161143" cy="130048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5</cp:revision>
  <dcterms:created xsi:type="dcterms:W3CDTF">2019-07-30T10:24:44Z</dcterms:created>
  <dcterms:modified xsi:type="dcterms:W3CDTF">2024-09-16T08:12:20Z</dcterms:modified>
</cp:coreProperties>
</file>